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jpeg" ContentType="image/jpeg"/>
  <Default Extension="rels" ContentType="application/vnd.openxmlformats-package.relationships+xml"/>
  <Default Extension="xml" ContentType="application/xml"/>
  <Default Extension="jpg" ContentType="image/jpe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tfs01\Home\Staff\s0703207\Documents\AA-Cinco Ranch\Sports Information\Softball\2020\Tournament Information\"/>
    </mc:Choice>
  </mc:AlternateContent>
  <bookViews>
    <workbookView xWindow="0" yWindow="0" windowWidth="28800" windowHeight="12345"/>
  </bookViews>
  <sheets>
    <sheet name="Sheet1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20" uniqueCount="97">
  <si>
    <t>Game Times</t>
  </si>
  <si>
    <t xml:space="preserve">KATY </t>
  </si>
  <si>
    <t>TOMPKINS</t>
  </si>
  <si>
    <t xml:space="preserve">   MORTON RANCH</t>
  </si>
  <si>
    <t xml:space="preserve">  CINCO RANCH</t>
  </si>
  <si>
    <t xml:space="preserve">  JAMES E. TAYLOR</t>
  </si>
  <si>
    <t xml:space="preserve">  MAYDE CREEK</t>
  </si>
  <si>
    <t xml:space="preserve">  SEVEN LAKES</t>
  </si>
  <si>
    <t xml:space="preserve">  PAETOW</t>
  </si>
  <si>
    <t>2020 KATY ISD INVITATIONAL VARSITY TOURNAMENT</t>
  </si>
  <si>
    <t>THURSDAY, FEBRUARY 20, 2020</t>
  </si>
  <si>
    <t>SATURDAY, FEBRUARY 22, 2020</t>
  </si>
  <si>
    <t>OPEN</t>
  </si>
  <si>
    <t>CINCO vs. FT BEND AUSTIN</t>
  </si>
  <si>
    <t>FT BEND AUSTIN vs. CC CARROLL</t>
  </si>
  <si>
    <t>CINCO vs. SPRING</t>
  </si>
  <si>
    <t>CC CARROLL vs. SPRING</t>
  </si>
  <si>
    <t>CINCO vs. CC CARROLL</t>
  </si>
  <si>
    <t>FT BEND AUSTIN vs. SPRING</t>
  </si>
  <si>
    <t>KATY vs. FULSHEAR</t>
  </si>
  <si>
    <t>FULSHEAR vs. KLEIN COLLINS</t>
  </si>
  <si>
    <t>KLEIN COLLINS vs. TEXAS CITY</t>
  </si>
  <si>
    <t>TEXAS CITY vs. FULSHEAR</t>
  </si>
  <si>
    <t>KATY vs. KLEIN COLLINS</t>
  </si>
  <si>
    <t>KATY vs. TEXAS CITY</t>
  </si>
  <si>
    <t>STRATFORD vs. SEALY</t>
  </si>
  <si>
    <t>SEALY vs. LIBERTY</t>
  </si>
  <si>
    <t>LIBERTY vs. STRATFORD</t>
  </si>
  <si>
    <t>MORTON RANCH vs. STRATFORD</t>
  </si>
  <si>
    <t>MORTON RANCH vs. SEALY</t>
  </si>
  <si>
    <t>MORTON RANCH vs. LIBERY</t>
  </si>
  <si>
    <t>MAYDE CREEK vs. NEEDVILLE</t>
  </si>
  <si>
    <t>MAYDE CREEK vs. JERSEY VILLAGE</t>
  </si>
  <si>
    <t>JERSEY VILLAGE vs. FT BEND TRAVIS</t>
  </si>
  <si>
    <t>FT BEND TRAVIS vs. NEEDVILLE</t>
  </si>
  <si>
    <t>JERSEY VILLAGE vs. NEEDVILLE</t>
  </si>
  <si>
    <t>MAYDE CREEK vs. FT BEND TRAVIS</t>
  </si>
  <si>
    <t>TOMPKINS vs KLEIN OAK</t>
  </si>
  <si>
    <t>KLEIN OAK vs. ANGLETON</t>
  </si>
  <si>
    <t>ANGLETON vs. BARBERS HILL</t>
  </si>
  <si>
    <t>KLEIN OAK vs. BARBERS HILL</t>
  </si>
  <si>
    <t>TOMPKINS vs. BARBERS HILL</t>
  </si>
  <si>
    <t>TOMPKINS vs. ANGLETON</t>
  </si>
  <si>
    <t>PAETOW vs.LANGHAM CREEK</t>
  </si>
  <si>
    <t>LANGHAM CREEK vs. MEMORIAL</t>
  </si>
  <si>
    <t>MEMORIAL vs. CC VETERANS MEMORIAL</t>
  </si>
  <si>
    <t>CC VETERANS MEMORIAL vs. LANGHAM CREEK</t>
  </si>
  <si>
    <t>PAETOW vs. MEMORIAL</t>
  </si>
  <si>
    <t>PAETOW vs. CC VETERANS MEMORIAL</t>
  </si>
  <si>
    <t>CC VETERANS MEMORIAL vs. ANGELTON</t>
  </si>
  <si>
    <t xml:space="preserve">ANGLETON vs. CINCO </t>
  </si>
  <si>
    <t>KATY vs. BARBERS HILL</t>
  </si>
  <si>
    <t>BARBERS HILL vs. SPRING</t>
  </si>
  <si>
    <t>SPRING vs. KATY</t>
  </si>
  <si>
    <t>BARBERS HILL vs. KATY</t>
  </si>
  <si>
    <t>SPRING vs. FT BEND TRAVIS</t>
  </si>
  <si>
    <t>MORTON vs JERSEY VILLAGE</t>
  </si>
  <si>
    <t>FT. BEND TRAVIS vs. MORTON</t>
  </si>
  <si>
    <t>MAYDE vs. CC CARROLL</t>
  </si>
  <si>
    <t>CC CARROLL vs. BOLING</t>
  </si>
  <si>
    <t>BOLING vs MAYBE CREEK</t>
  </si>
  <si>
    <t>FULSHEAR vs. MEMORIAL</t>
  </si>
  <si>
    <t>MEMORIAL vs. FT BEND DULLES</t>
  </si>
  <si>
    <t>FT BEND DULLES vs. SEVEN LAKES</t>
  </si>
  <si>
    <t>SEVEN vs. MEMORIAL</t>
  </si>
  <si>
    <t>FT BEND DULLES vs. FULSHEAR</t>
  </si>
  <si>
    <t>FULSHEAR vs. SEVEN LAKES</t>
  </si>
  <si>
    <t>SEALY vs. TAYLOR</t>
  </si>
  <si>
    <t>LANGHAM CREEK vs. NORTHBROOK</t>
  </si>
  <si>
    <t>PAETOW vs. LIBERTY</t>
  </si>
  <si>
    <t>LIBERTY vs. KLEIN OAK</t>
  </si>
  <si>
    <t xml:space="preserve">TAYLOR vs. LANGHAM CREEK </t>
  </si>
  <si>
    <t>SEALY vs. NORTHBROOK</t>
  </si>
  <si>
    <t>SEALY vs. LANGHAM CREEK</t>
  </si>
  <si>
    <t>TAYLOR vs. NORTHBROOK</t>
  </si>
  <si>
    <t>KLEIN OAK vs. FT. BEND AUSTIN</t>
  </si>
  <si>
    <t>FT. BEND AUSTIN vs. LIBERTY</t>
  </si>
  <si>
    <t>PAETOW vs. KLEIN OAK</t>
  </si>
  <si>
    <t>PAETOW vs. FT BEND AUSTIN</t>
  </si>
  <si>
    <t>BOLING vs. STRATFORD</t>
  </si>
  <si>
    <t>STRATFORD VS. CC CARROLL</t>
  </si>
  <si>
    <t>STRATFORD vs. MAYDE CREEK</t>
  </si>
  <si>
    <t>TOMPKINS vs. NEEDVILLE</t>
  </si>
  <si>
    <t>GEORGE RANCH vs. NEEDVILLE</t>
  </si>
  <si>
    <t>GEORGE RANCH vs. TOMPKINS</t>
  </si>
  <si>
    <t>SEVEN LAKES vs. GEORGE RANCH</t>
  </si>
  <si>
    <t>GEORGE RANCH vs. NORTHBROOK</t>
  </si>
  <si>
    <t>NORTHBROOK vs. SEVEN LAKES</t>
  </si>
  <si>
    <t>BOLING vs. TAYLOR</t>
  </si>
  <si>
    <t>FT BEND DULLES vs. BOLING</t>
  </si>
  <si>
    <t>TAYLOR vs FT BEND DULLES</t>
  </si>
  <si>
    <t>CC VETERANS MEMORIAL vs. KLEIN COLLINS</t>
  </si>
  <si>
    <t>KLEIN COLLINS vs. CINCO</t>
  </si>
  <si>
    <t>KLEIN COLLINS vs. ANGELTON</t>
  </si>
  <si>
    <t>NEEDVILLE vs. TEXAS CITY</t>
  </si>
  <si>
    <t>TEXAS CITY vs. GEORGE RANCH</t>
  </si>
  <si>
    <t>TEXAS CITY vs. TOMPKIN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7" x14ac:knownFonts="1">
    <font>
      <sz val="11"/>
      <color theme="1"/>
      <name val="Calibri"/>
      <family val="2"/>
      <scheme val="minor"/>
    </font>
    <font>
      <b/>
      <sz val="14"/>
      <color theme="1"/>
      <name val="Footlight MT Light"/>
      <family val="1"/>
    </font>
    <font>
      <b/>
      <sz val="11"/>
      <color theme="1"/>
      <name val="Footlight MT Light"/>
      <family val="1"/>
    </font>
    <font>
      <sz val="11"/>
      <color theme="1"/>
      <name val="Footlight MT Light"/>
      <family val="1"/>
    </font>
    <font>
      <b/>
      <sz val="16"/>
      <color theme="0"/>
      <name val="Footlight MT Light"/>
      <family val="1"/>
    </font>
    <font>
      <sz val="11"/>
      <color rgb="FF000000"/>
      <name val="Footlight MT Light"/>
      <family val="1"/>
    </font>
    <font>
      <sz val="11"/>
      <name val="Footlight MT Light"/>
      <family val="1"/>
    </font>
  </fonts>
  <fills count="10">
    <fill>
      <patternFill patternType="none"/>
    </fill>
    <fill>
      <patternFill patternType="gray125"/>
    </fill>
    <fill>
      <patternFill patternType="solid">
        <fgColor rgb="FFFF0000"/>
        <bgColor indexed="64"/>
      </patternFill>
    </fill>
    <fill>
      <patternFill patternType="solid">
        <fgColor rgb="FF7030A0"/>
        <bgColor indexed="64"/>
      </patternFill>
    </fill>
    <fill>
      <patternFill patternType="solid">
        <fgColor rgb="FF00B050"/>
        <bgColor indexed="64"/>
      </patternFill>
    </fill>
    <fill>
      <patternFill patternType="solid">
        <fgColor rgb="FFFF9900"/>
        <bgColor indexed="64"/>
      </patternFill>
    </fill>
    <fill>
      <patternFill patternType="solid">
        <fgColor rgb="FF800000"/>
        <bgColor indexed="64"/>
      </patternFill>
    </fill>
    <fill>
      <patternFill patternType="solid">
        <fgColor rgb="FF002060"/>
        <bgColor indexed="64"/>
      </patternFill>
    </fill>
    <fill>
      <patternFill patternType="solid">
        <fgColor rgb="FF00B0F0"/>
        <bgColor indexed="64"/>
      </patternFill>
    </fill>
    <fill>
      <patternFill patternType="solid">
        <fgColor rgb="FF0000FF"/>
        <bgColor indexed="64"/>
      </patternFill>
    </fill>
  </fills>
  <borders count="23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</borders>
  <cellStyleXfs count="1">
    <xf numFmtId="0" fontId="0" fillId="0" borderId="0"/>
  </cellStyleXfs>
  <cellXfs count="52">
    <xf numFmtId="0" fontId="0" fillId="0" borderId="0" xfId="0"/>
    <xf numFmtId="0" fontId="3" fillId="0" borderId="0" xfId="0" applyFont="1"/>
    <xf numFmtId="0" fontId="3" fillId="0" borderId="0" xfId="0" applyFont="1" applyAlignment="1">
      <alignment horizontal="center"/>
    </xf>
    <xf numFmtId="18" fontId="3" fillId="0" borderId="3" xfId="0" applyNumberFormat="1" applyFont="1" applyBorder="1" applyAlignment="1">
      <alignment horizontal="center"/>
    </xf>
    <xf numFmtId="18" fontId="3" fillId="0" borderId="4" xfId="0" applyNumberFormat="1" applyFont="1" applyBorder="1" applyAlignment="1">
      <alignment horizontal="center"/>
    </xf>
    <xf numFmtId="18" fontId="3" fillId="0" borderId="6" xfId="0" applyNumberFormat="1" applyFont="1" applyBorder="1" applyAlignment="1">
      <alignment horizontal="center"/>
    </xf>
    <xf numFmtId="0" fontId="4" fillId="7" borderId="1" xfId="0" applyFont="1" applyFill="1" applyBorder="1" applyAlignment="1">
      <alignment horizontal="center" vertical="center"/>
    </xf>
    <xf numFmtId="0" fontId="3" fillId="0" borderId="5" xfId="0" applyFont="1" applyBorder="1" applyAlignment="1">
      <alignment horizontal="center"/>
    </xf>
    <xf numFmtId="0" fontId="4" fillId="4" borderId="1" xfId="0" applyFont="1" applyFill="1" applyBorder="1" applyAlignment="1">
      <alignment horizontal="center" vertical="center"/>
    </xf>
    <xf numFmtId="0" fontId="4" fillId="5" borderId="1" xfId="0" applyFont="1" applyFill="1" applyBorder="1" applyAlignment="1">
      <alignment horizontal="center" vertical="center"/>
    </xf>
    <xf numFmtId="0" fontId="4" fillId="2" borderId="1" xfId="0" applyFont="1" applyFill="1" applyBorder="1" applyAlignment="1">
      <alignment horizontal="center" vertical="center"/>
    </xf>
    <xf numFmtId="0" fontId="2" fillId="0" borderId="2" xfId="0" applyFont="1" applyBorder="1" applyAlignment="1">
      <alignment horizontal="center" vertical="center" wrapText="1"/>
    </xf>
    <xf numFmtId="0" fontId="3" fillId="0" borderId="7" xfId="0" applyFont="1" applyBorder="1" applyAlignment="1">
      <alignment horizontal="center"/>
    </xf>
    <xf numFmtId="0" fontId="3" fillId="0" borderId="5" xfId="0" applyFont="1" applyFill="1" applyBorder="1" applyAlignment="1">
      <alignment horizontal="center"/>
    </xf>
    <xf numFmtId="0" fontId="4" fillId="2" borderId="8" xfId="0" applyFont="1" applyFill="1" applyBorder="1" applyAlignment="1">
      <alignment horizontal="center" vertical="center"/>
    </xf>
    <xf numFmtId="0" fontId="2" fillId="0" borderId="9" xfId="0" applyFont="1" applyBorder="1" applyAlignment="1">
      <alignment horizontal="center" vertical="center" wrapText="1"/>
    </xf>
    <xf numFmtId="0" fontId="4" fillId="7" borderId="0" xfId="0" applyFont="1" applyFill="1" applyBorder="1" applyAlignment="1">
      <alignment horizontal="center" vertical="center"/>
    </xf>
    <xf numFmtId="0" fontId="0" fillId="0" borderId="0" xfId="0" applyBorder="1"/>
    <xf numFmtId="0" fontId="4" fillId="8" borderId="14" xfId="0" applyFont="1" applyFill="1" applyBorder="1" applyAlignment="1">
      <alignment horizontal="center" vertical="center"/>
    </xf>
    <xf numFmtId="0" fontId="2" fillId="0" borderId="1" xfId="0" applyFont="1" applyBorder="1" applyAlignment="1">
      <alignment horizontal="center" vertical="center" wrapText="1"/>
    </xf>
    <xf numFmtId="0" fontId="4" fillId="3" borderId="8" xfId="0" applyFont="1" applyFill="1" applyBorder="1" applyAlignment="1">
      <alignment horizontal="center" vertical="center"/>
    </xf>
    <xf numFmtId="0" fontId="4" fillId="5" borderId="15" xfId="0" applyFont="1" applyFill="1" applyBorder="1" applyAlignment="1">
      <alignment horizontal="center" vertical="center"/>
    </xf>
    <xf numFmtId="0" fontId="4" fillId="6" borderId="15" xfId="0" applyFont="1" applyFill="1" applyBorder="1" applyAlignment="1">
      <alignment horizontal="center" vertical="center"/>
    </xf>
    <xf numFmtId="0" fontId="4" fillId="4" borderId="15" xfId="0" applyFont="1" applyFill="1" applyBorder="1" applyAlignment="1">
      <alignment horizontal="center" vertical="center"/>
    </xf>
    <xf numFmtId="0" fontId="4" fillId="9" borderId="15" xfId="0" applyFont="1" applyFill="1" applyBorder="1" applyAlignment="1">
      <alignment horizontal="center" vertical="center"/>
    </xf>
    <xf numFmtId="0" fontId="5" fillId="0" borderId="16" xfId="0" applyFont="1" applyBorder="1" applyAlignment="1">
      <alignment horizontal="center" vertical="center"/>
    </xf>
    <xf numFmtId="0" fontId="3" fillId="0" borderId="17" xfId="0" applyFont="1" applyBorder="1" applyAlignment="1">
      <alignment horizontal="center"/>
    </xf>
    <xf numFmtId="0" fontId="5" fillId="0" borderId="4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3" fillId="0" borderId="16" xfId="0" applyFont="1" applyBorder="1" applyAlignment="1">
      <alignment horizontal="center"/>
    </xf>
    <xf numFmtId="0" fontId="3" fillId="0" borderId="4" xfId="0" applyFont="1" applyBorder="1" applyAlignment="1">
      <alignment horizontal="center"/>
    </xf>
    <xf numFmtId="0" fontId="3" fillId="0" borderId="6" xfId="0" applyFont="1" applyBorder="1" applyAlignment="1">
      <alignment horizontal="center"/>
    </xf>
    <xf numFmtId="0" fontId="2" fillId="0" borderId="7" xfId="0" applyFont="1" applyBorder="1" applyAlignment="1">
      <alignment horizontal="center"/>
    </xf>
    <xf numFmtId="0" fontId="6" fillId="0" borderId="4" xfId="0" applyFont="1" applyBorder="1" applyAlignment="1">
      <alignment horizontal="center" vertical="center"/>
    </xf>
    <xf numFmtId="18" fontId="3" fillId="0" borderId="18" xfId="0" applyNumberFormat="1" applyFont="1" applyBorder="1" applyAlignment="1">
      <alignment horizontal="center"/>
    </xf>
    <xf numFmtId="18" fontId="3" fillId="0" borderId="19" xfId="0" applyNumberFormat="1" applyFont="1" applyBorder="1" applyAlignment="1">
      <alignment horizontal="center"/>
    </xf>
    <xf numFmtId="18" fontId="3" fillId="0" borderId="20" xfId="0" applyNumberFormat="1" applyFont="1" applyBorder="1" applyAlignment="1">
      <alignment horizontal="center"/>
    </xf>
    <xf numFmtId="18" fontId="3" fillId="0" borderId="21" xfId="0" applyNumberFormat="1" applyFont="1" applyBorder="1" applyAlignment="1">
      <alignment horizontal="center"/>
    </xf>
    <xf numFmtId="0" fontId="4" fillId="3" borderId="1" xfId="0" applyFont="1" applyFill="1" applyBorder="1" applyAlignment="1">
      <alignment horizontal="center" vertical="center"/>
    </xf>
    <xf numFmtId="0" fontId="3" fillId="0" borderId="3" xfId="0" applyFont="1" applyFill="1" applyBorder="1" applyAlignment="1">
      <alignment horizontal="center"/>
    </xf>
    <xf numFmtId="0" fontId="3" fillId="0" borderId="22" xfId="0" applyFont="1" applyBorder="1" applyAlignment="1">
      <alignment horizontal="center"/>
    </xf>
    <xf numFmtId="0" fontId="3" fillId="0" borderId="4" xfId="0" applyFont="1" applyFill="1" applyBorder="1" applyAlignment="1">
      <alignment horizontal="center"/>
    </xf>
    <xf numFmtId="0" fontId="4" fillId="6" borderId="1" xfId="0" applyFont="1" applyFill="1" applyBorder="1" applyAlignment="1">
      <alignment horizontal="center" vertical="center"/>
    </xf>
    <xf numFmtId="0" fontId="3" fillId="0" borderId="3" xfId="0" applyFont="1" applyBorder="1" applyAlignment="1">
      <alignment horizontal="center"/>
    </xf>
    <xf numFmtId="0" fontId="4" fillId="9" borderId="1" xfId="0" applyFont="1" applyFill="1" applyBorder="1" applyAlignment="1">
      <alignment horizontal="center" vertical="center"/>
    </xf>
    <xf numFmtId="0" fontId="4" fillId="8" borderId="1" xfId="0" applyFont="1" applyFill="1" applyBorder="1" applyAlignment="1">
      <alignment horizontal="center" vertical="center"/>
    </xf>
    <xf numFmtId="0" fontId="1" fillId="0" borderId="10" xfId="0" applyFont="1" applyBorder="1" applyAlignment="1">
      <alignment horizontal="center"/>
    </xf>
    <xf numFmtId="0" fontId="1" fillId="0" borderId="11" xfId="0" applyFont="1" applyBorder="1" applyAlignment="1">
      <alignment horizontal="center"/>
    </xf>
    <xf numFmtId="0" fontId="2" fillId="0" borderId="13" xfId="0" applyFont="1" applyBorder="1" applyAlignment="1">
      <alignment horizontal="center"/>
    </xf>
    <xf numFmtId="0" fontId="2" fillId="0" borderId="0" xfId="0" applyFont="1" applyBorder="1" applyAlignment="1">
      <alignment horizontal="center"/>
    </xf>
    <xf numFmtId="0" fontId="1" fillId="0" borderId="12" xfId="0" applyFont="1" applyBorder="1" applyAlignment="1">
      <alignment horizontal="center"/>
    </xf>
    <xf numFmtId="0" fontId="2" fillId="0" borderId="14" xfId="0" applyFont="1" applyBorder="1" applyAlignment="1">
      <alignment horizontal="center"/>
    </xf>
  </cellXfs>
  <cellStyles count="1">
    <cellStyle name="Normal" xfId="0" builtinId="0"/>
  </cellStyles>
  <dxfs count="0"/>
  <tableStyles count="0" defaultTableStyle="TableStyleMedium2" defaultPivotStyle="PivotStyleLight16"/>
  <colors>
    <mruColors>
      <color rgb="FFFF9900"/>
      <color rgb="FF0000FF"/>
      <color rgb="FF80000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8" Type="http://schemas.openxmlformats.org/officeDocument/2006/relationships/image" Target="../media/image8.jpeg"/><Relationship Id="rId3" Type="http://schemas.openxmlformats.org/officeDocument/2006/relationships/image" Target="../media/image3.jpeg"/><Relationship Id="rId7" Type="http://schemas.openxmlformats.org/officeDocument/2006/relationships/image" Target="../media/image7.jpeg"/><Relationship Id="rId2" Type="http://schemas.openxmlformats.org/officeDocument/2006/relationships/image" Target="../media/image2.jpg"/><Relationship Id="rId1" Type="http://schemas.openxmlformats.org/officeDocument/2006/relationships/image" Target="../media/image1.jpg"/><Relationship Id="rId6" Type="http://schemas.openxmlformats.org/officeDocument/2006/relationships/image" Target="../media/image6.jpeg"/><Relationship Id="rId5" Type="http://schemas.openxmlformats.org/officeDocument/2006/relationships/image" Target="../media/image5.jpg"/><Relationship Id="rId4" Type="http://schemas.openxmlformats.org/officeDocument/2006/relationships/image" Target="../media/image4.jpe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37707</xdr:colOff>
      <xdr:row>2</xdr:row>
      <xdr:rowOff>34290</xdr:rowOff>
    </xdr:from>
    <xdr:to>
      <xdr:col>1</xdr:col>
      <xdr:colOff>571893</xdr:colOff>
      <xdr:row>2</xdr:row>
      <xdr:rowOff>552450</xdr:rowOff>
    </xdr:to>
    <xdr:pic>
      <xdr:nvPicPr>
        <xdr:cNvPr id="2" name="Picture 1"/>
        <xdr:cNvPicPr>
          <a:picLocks noChangeAspect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856857" y="453390"/>
          <a:ext cx="534186" cy="518160"/>
        </a:xfrm>
        <a:prstGeom prst="rect">
          <a:avLst/>
        </a:prstGeom>
      </xdr:spPr>
    </xdr:pic>
    <xdr:clientData/>
  </xdr:twoCellAnchor>
  <xdr:twoCellAnchor editAs="oneCell">
    <xdr:from>
      <xdr:col>2</xdr:col>
      <xdr:colOff>30480</xdr:colOff>
      <xdr:row>9</xdr:row>
      <xdr:rowOff>26670</xdr:rowOff>
    </xdr:from>
    <xdr:to>
      <xdr:col>2</xdr:col>
      <xdr:colOff>590550</xdr:colOff>
      <xdr:row>9</xdr:row>
      <xdr:rowOff>514350</xdr:rowOff>
    </xdr:to>
    <xdr:pic>
      <xdr:nvPicPr>
        <xdr:cNvPr id="4" name="Picture 3"/>
        <xdr:cNvPicPr>
          <a:picLocks noChangeAspect="1"/>
        </xdr:cNvPicPr>
      </xdr:nvPicPr>
      <xdr:blipFill>
        <a:blip xmlns:r="http://schemas.openxmlformats.org/officeDocument/2006/relationships" r:embed="rId2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3802380" y="2553970"/>
          <a:ext cx="560070" cy="487680"/>
        </a:xfrm>
        <a:prstGeom prst="rect">
          <a:avLst/>
        </a:prstGeom>
      </xdr:spPr>
    </xdr:pic>
    <xdr:clientData/>
  </xdr:twoCellAnchor>
  <xdr:twoCellAnchor editAs="oneCell">
    <xdr:from>
      <xdr:col>1</xdr:col>
      <xdr:colOff>61822</xdr:colOff>
      <xdr:row>16</xdr:row>
      <xdr:rowOff>24619</xdr:rowOff>
    </xdr:from>
    <xdr:to>
      <xdr:col>1</xdr:col>
      <xdr:colOff>622076</xdr:colOff>
      <xdr:row>16</xdr:row>
      <xdr:rowOff>533400</xdr:rowOff>
    </xdr:to>
    <xdr:pic>
      <xdr:nvPicPr>
        <xdr:cNvPr id="5" name="Picture 4"/>
        <xdr:cNvPicPr>
          <a:picLocks noChangeAspect="1"/>
        </xdr:cNvPicPr>
      </xdr:nvPicPr>
      <xdr:blipFill>
        <a:blip xmlns:r="http://schemas.openxmlformats.org/officeDocument/2006/relationships" r:embed="rId3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909547" y="4568044"/>
          <a:ext cx="560254" cy="508781"/>
        </a:xfrm>
        <a:prstGeom prst="rect">
          <a:avLst/>
        </a:prstGeom>
      </xdr:spPr>
    </xdr:pic>
    <xdr:clientData/>
  </xdr:twoCellAnchor>
  <xdr:twoCellAnchor editAs="oneCell">
    <xdr:from>
      <xdr:col>2</xdr:col>
      <xdr:colOff>64540</xdr:colOff>
      <xdr:row>16</xdr:row>
      <xdr:rowOff>38100</xdr:rowOff>
    </xdr:from>
    <xdr:to>
      <xdr:col>2</xdr:col>
      <xdr:colOff>609599</xdr:colOff>
      <xdr:row>16</xdr:row>
      <xdr:rowOff>542925</xdr:rowOff>
    </xdr:to>
    <xdr:pic>
      <xdr:nvPicPr>
        <xdr:cNvPr id="6" name="Picture 5"/>
        <xdr:cNvPicPr>
          <a:picLocks noChangeAspect="1"/>
        </xdr:cNvPicPr>
      </xdr:nvPicPr>
      <xdr:blipFill>
        <a:blip xmlns:r="http://schemas.openxmlformats.org/officeDocument/2006/relationships" r:embed="rId4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3826915" y="4581525"/>
          <a:ext cx="545059" cy="504825"/>
        </a:xfrm>
        <a:prstGeom prst="rect">
          <a:avLst/>
        </a:prstGeom>
      </xdr:spPr>
    </xdr:pic>
    <xdr:clientData/>
  </xdr:twoCellAnchor>
  <xdr:twoCellAnchor editAs="oneCell">
    <xdr:from>
      <xdr:col>1</xdr:col>
      <xdr:colOff>33576</xdr:colOff>
      <xdr:row>9</xdr:row>
      <xdr:rowOff>25889</xdr:rowOff>
    </xdr:from>
    <xdr:to>
      <xdr:col>1</xdr:col>
      <xdr:colOff>561976</xdr:colOff>
      <xdr:row>9</xdr:row>
      <xdr:rowOff>550631</xdr:rowOff>
    </xdr:to>
    <xdr:pic>
      <xdr:nvPicPr>
        <xdr:cNvPr id="7" name="Picture 6"/>
        <xdr:cNvPicPr>
          <a:picLocks noChangeAspect="1"/>
        </xdr:cNvPicPr>
      </xdr:nvPicPr>
      <xdr:blipFill>
        <a:blip xmlns:r="http://schemas.openxmlformats.org/officeDocument/2006/relationships" r:embed="rId5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852726" y="2159489"/>
          <a:ext cx="528400" cy="524742"/>
        </a:xfrm>
        <a:prstGeom prst="rect">
          <a:avLst/>
        </a:prstGeom>
      </xdr:spPr>
    </xdr:pic>
    <xdr:clientData/>
  </xdr:twoCellAnchor>
  <xdr:twoCellAnchor editAs="oneCell">
    <xdr:from>
      <xdr:col>1</xdr:col>
      <xdr:colOff>37542</xdr:colOff>
      <xdr:row>23</xdr:row>
      <xdr:rowOff>23322</xdr:rowOff>
    </xdr:from>
    <xdr:to>
      <xdr:col>1</xdr:col>
      <xdr:colOff>577774</xdr:colOff>
      <xdr:row>23</xdr:row>
      <xdr:rowOff>552450</xdr:rowOff>
    </xdr:to>
    <xdr:pic>
      <xdr:nvPicPr>
        <xdr:cNvPr id="8" name="Picture 7"/>
        <xdr:cNvPicPr>
          <a:picLocks noChangeAspect="1"/>
        </xdr:cNvPicPr>
      </xdr:nvPicPr>
      <xdr:blipFill>
        <a:blip xmlns:r="http://schemas.openxmlformats.org/officeDocument/2006/relationships" r:embed="rId6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885267" y="6624147"/>
          <a:ext cx="540232" cy="529128"/>
        </a:xfrm>
        <a:prstGeom prst="rect">
          <a:avLst/>
        </a:prstGeom>
      </xdr:spPr>
    </xdr:pic>
    <xdr:clientData/>
  </xdr:twoCellAnchor>
  <xdr:twoCellAnchor editAs="oneCell">
    <xdr:from>
      <xdr:col>2</xdr:col>
      <xdr:colOff>45347</xdr:colOff>
      <xdr:row>2</xdr:row>
      <xdr:rowOff>37318</xdr:rowOff>
    </xdr:from>
    <xdr:to>
      <xdr:col>2</xdr:col>
      <xdr:colOff>542925</xdr:colOff>
      <xdr:row>2</xdr:row>
      <xdr:rowOff>525369</xdr:rowOff>
    </xdr:to>
    <xdr:pic>
      <xdr:nvPicPr>
        <xdr:cNvPr id="9" name="Picture 8"/>
        <xdr:cNvPicPr>
          <a:picLocks noChangeAspect="1"/>
        </xdr:cNvPicPr>
      </xdr:nvPicPr>
      <xdr:blipFill>
        <a:blip xmlns:r="http://schemas.openxmlformats.org/officeDocument/2006/relationships" r:embed="rId7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3807722" y="465943"/>
          <a:ext cx="497578" cy="488051"/>
        </a:xfrm>
        <a:prstGeom prst="rect">
          <a:avLst/>
        </a:prstGeom>
        <a:solidFill>
          <a:srgbClr val="7030A0"/>
        </a:solidFill>
      </xdr:spPr>
    </xdr:pic>
    <xdr:clientData/>
  </xdr:twoCellAnchor>
  <xdr:twoCellAnchor editAs="oneCell">
    <xdr:from>
      <xdr:col>2</xdr:col>
      <xdr:colOff>69388</xdr:colOff>
      <xdr:row>23</xdr:row>
      <xdr:rowOff>27796</xdr:rowOff>
    </xdr:from>
    <xdr:to>
      <xdr:col>2</xdr:col>
      <xdr:colOff>635462</xdr:colOff>
      <xdr:row>23</xdr:row>
      <xdr:rowOff>552450</xdr:rowOff>
    </xdr:to>
    <xdr:pic>
      <xdr:nvPicPr>
        <xdr:cNvPr id="10" name="Picture 9" descr="See the source image"/>
        <xdr:cNvPicPr>
          <a:picLocks noChangeAspect="1" noChangeArrowheads="1"/>
        </xdr:cNvPicPr>
      </xdr:nvPicPr>
      <xdr:blipFill>
        <a:blip xmlns:r="http://schemas.openxmlformats.org/officeDocument/2006/relationships" r:embed="rId8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3831763" y="6628621"/>
          <a:ext cx="566074" cy="524654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oneCellAnchor>
    <xdr:from>
      <xdr:col>4</xdr:col>
      <xdr:colOff>37707</xdr:colOff>
      <xdr:row>2</xdr:row>
      <xdr:rowOff>34290</xdr:rowOff>
    </xdr:from>
    <xdr:ext cx="534186" cy="518160"/>
    <xdr:pic>
      <xdr:nvPicPr>
        <xdr:cNvPr id="19" name="Picture 18"/>
        <xdr:cNvPicPr>
          <a:picLocks noChangeAspect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885432" y="462915"/>
          <a:ext cx="534186" cy="518160"/>
        </a:xfrm>
        <a:prstGeom prst="rect">
          <a:avLst/>
        </a:prstGeom>
      </xdr:spPr>
    </xdr:pic>
    <xdr:clientData/>
  </xdr:oneCellAnchor>
  <xdr:oneCellAnchor>
    <xdr:from>
      <xdr:col>5</xdr:col>
      <xdr:colOff>78105</xdr:colOff>
      <xdr:row>9</xdr:row>
      <xdr:rowOff>36195</xdr:rowOff>
    </xdr:from>
    <xdr:ext cx="560070" cy="487680"/>
    <xdr:pic>
      <xdr:nvPicPr>
        <xdr:cNvPr id="20" name="Picture 19"/>
        <xdr:cNvPicPr>
          <a:picLocks noChangeAspect="1"/>
        </xdr:cNvPicPr>
      </xdr:nvPicPr>
      <xdr:blipFill>
        <a:blip xmlns:r="http://schemas.openxmlformats.org/officeDocument/2006/relationships" r:embed="rId2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3840480" y="11180445"/>
          <a:ext cx="560070" cy="487680"/>
        </a:xfrm>
        <a:prstGeom prst="rect">
          <a:avLst/>
        </a:prstGeom>
      </xdr:spPr>
    </xdr:pic>
    <xdr:clientData/>
  </xdr:oneCellAnchor>
  <xdr:oneCellAnchor>
    <xdr:from>
      <xdr:col>4</xdr:col>
      <xdr:colOff>23722</xdr:colOff>
      <xdr:row>16</xdr:row>
      <xdr:rowOff>24619</xdr:rowOff>
    </xdr:from>
    <xdr:ext cx="560254" cy="508781"/>
    <xdr:pic>
      <xdr:nvPicPr>
        <xdr:cNvPr id="21" name="Picture 20"/>
        <xdr:cNvPicPr>
          <a:picLocks noChangeAspect="1"/>
        </xdr:cNvPicPr>
      </xdr:nvPicPr>
      <xdr:blipFill>
        <a:blip xmlns:r="http://schemas.openxmlformats.org/officeDocument/2006/relationships" r:embed="rId3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871447" y="4568044"/>
          <a:ext cx="560254" cy="508781"/>
        </a:xfrm>
        <a:prstGeom prst="rect">
          <a:avLst/>
        </a:prstGeom>
      </xdr:spPr>
    </xdr:pic>
    <xdr:clientData/>
  </xdr:oneCellAnchor>
  <xdr:oneCellAnchor>
    <xdr:from>
      <xdr:col>5</xdr:col>
      <xdr:colOff>7390</xdr:colOff>
      <xdr:row>16</xdr:row>
      <xdr:rowOff>38100</xdr:rowOff>
    </xdr:from>
    <xdr:ext cx="545059" cy="504825"/>
    <xdr:pic>
      <xdr:nvPicPr>
        <xdr:cNvPr id="22" name="Picture 21"/>
        <xdr:cNvPicPr>
          <a:picLocks noChangeAspect="1"/>
        </xdr:cNvPicPr>
      </xdr:nvPicPr>
      <xdr:blipFill>
        <a:blip xmlns:r="http://schemas.openxmlformats.org/officeDocument/2006/relationships" r:embed="rId4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3779290" y="13474700"/>
          <a:ext cx="545059" cy="504825"/>
        </a:xfrm>
        <a:prstGeom prst="rect">
          <a:avLst/>
        </a:prstGeom>
      </xdr:spPr>
    </xdr:pic>
    <xdr:clientData/>
  </xdr:oneCellAnchor>
  <xdr:oneCellAnchor>
    <xdr:from>
      <xdr:col>4</xdr:col>
      <xdr:colOff>33576</xdr:colOff>
      <xdr:row>9</xdr:row>
      <xdr:rowOff>25889</xdr:rowOff>
    </xdr:from>
    <xdr:ext cx="528400" cy="524742"/>
    <xdr:pic>
      <xdr:nvPicPr>
        <xdr:cNvPr id="23" name="Picture 22"/>
        <xdr:cNvPicPr>
          <a:picLocks noChangeAspect="1"/>
        </xdr:cNvPicPr>
      </xdr:nvPicPr>
      <xdr:blipFill>
        <a:blip xmlns:r="http://schemas.openxmlformats.org/officeDocument/2006/relationships" r:embed="rId5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881301" y="2511914"/>
          <a:ext cx="528400" cy="524742"/>
        </a:xfrm>
        <a:prstGeom prst="rect">
          <a:avLst/>
        </a:prstGeom>
      </xdr:spPr>
    </xdr:pic>
    <xdr:clientData/>
  </xdr:oneCellAnchor>
  <xdr:oneCellAnchor>
    <xdr:from>
      <xdr:col>4</xdr:col>
      <xdr:colOff>47067</xdr:colOff>
      <xdr:row>23</xdr:row>
      <xdr:rowOff>32847</xdr:rowOff>
    </xdr:from>
    <xdr:ext cx="540232" cy="529128"/>
    <xdr:pic>
      <xdr:nvPicPr>
        <xdr:cNvPr id="24" name="Picture 23"/>
        <xdr:cNvPicPr>
          <a:picLocks noChangeAspect="1"/>
        </xdr:cNvPicPr>
      </xdr:nvPicPr>
      <xdr:blipFill>
        <a:blip xmlns:r="http://schemas.openxmlformats.org/officeDocument/2006/relationships" r:embed="rId6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894792" y="6633672"/>
          <a:ext cx="540232" cy="529128"/>
        </a:xfrm>
        <a:prstGeom prst="rect">
          <a:avLst/>
        </a:prstGeom>
      </xdr:spPr>
    </xdr:pic>
    <xdr:clientData/>
  </xdr:oneCellAnchor>
  <xdr:oneCellAnchor>
    <xdr:from>
      <xdr:col>5</xdr:col>
      <xdr:colOff>45347</xdr:colOff>
      <xdr:row>2</xdr:row>
      <xdr:rowOff>37318</xdr:rowOff>
    </xdr:from>
    <xdr:ext cx="497578" cy="488051"/>
    <xdr:pic>
      <xdr:nvPicPr>
        <xdr:cNvPr id="25" name="Picture 24"/>
        <xdr:cNvPicPr>
          <a:picLocks noChangeAspect="1"/>
        </xdr:cNvPicPr>
      </xdr:nvPicPr>
      <xdr:blipFill>
        <a:blip xmlns:r="http://schemas.openxmlformats.org/officeDocument/2006/relationships" r:embed="rId7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3807722" y="465943"/>
          <a:ext cx="497578" cy="488051"/>
        </a:xfrm>
        <a:prstGeom prst="rect">
          <a:avLst/>
        </a:prstGeom>
        <a:solidFill>
          <a:srgbClr val="7030A0"/>
        </a:solidFill>
      </xdr:spPr>
    </xdr:pic>
    <xdr:clientData/>
  </xdr:oneCellAnchor>
  <xdr:oneCellAnchor>
    <xdr:from>
      <xdr:col>5</xdr:col>
      <xdr:colOff>50338</xdr:colOff>
      <xdr:row>23</xdr:row>
      <xdr:rowOff>27796</xdr:rowOff>
    </xdr:from>
    <xdr:ext cx="566074" cy="524654"/>
    <xdr:pic>
      <xdr:nvPicPr>
        <xdr:cNvPr id="26" name="Picture 25" descr="See the source image"/>
        <xdr:cNvPicPr>
          <a:picLocks noChangeAspect="1" noChangeArrowheads="1"/>
        </xdr:cNvPicPr>
      </xdr:nvPicPr>
      <xdr:blipFill>
        <a:blip xmlns:r="http://schemas.openxmlformats.org/officeDocument/2006/relationships" r:embed="rId8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3812713" y="15286846"/>
          <a:ext cx="566074" cy="524654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one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60"/>
  <sheetViews>
    <sheetView tabSelected="1" view="pageLayout" zoomScale="75" zoomScaleNormal="75" zoomScaleSheetLayoutView="75" zoomScalePageLayoutView="75" workbookViewId="0">
      <selection activeCell="C26" sqref="C26"/>
    </sheetView>
  </sheetViews>
  <sheetFormatPr defaultRowHeight="15" x14ac:dyDescent="0.25"/>
  <cols>
    <col min="1" max="1" width="12.7109375" style="2" customWidth="1"/>
    <col min="2" max="3" width="43.7109375" style="1" customWidth="1"/>
    <col min="4" max="4" width="12.7109375" customWidth="1"/>
    <col min="5" max="6" width="43.85546875" customWidth="1"/>
  </cols>
  <sheetData>
    <row r="1" spans="1:6" ht="18" x14ac:dyDescent="0.25">
      <c r="A1" s="46" t="s">
        <v>9</v>
      </c>
      <c r="B1" s="47"/>
      <c r="C1" s="47"/>
      <c r="D1" s="46" t="s">
        <v>9</v>
      </c>
      <c r="E1" s="47"/>
      <c r="F1" s="50"/>
    </row>
    <row r="2" spans="1:6" ht="15.75" thickBot="1" x14ac:dyDescent="0.3">
      <c r="A2" s="48" t="s">
        <v>10</v>
      </c>
      <c r="B2" s="49"/>
      <c r="C2" s="49"/>
      <c r="D2" s="48" t="s">
        <v>11</v>
      </c>
      <c r="E2" s="49"/>
      <c r="F2" s="51"/>
    </row>
    <row r="3" spans="1:6" ht="45" customHeight="1" thickBot="1" x14ac:dyDescent="0.3">
      <c r="A3" s="11" t="s">
        <v>0</v>
      </c>
      <c r="B3" s="10" t="s">
        <v>1</v>
      </c>
      <c r="C3" s="38" t="s">
        <v>3</v>
      </c>
      <c r="D3" s="19" t="s">
        <v>0</v>
      </c>
      <c r="E3" s="14" t="s">
        <v>1</v>
      </c>
      <c r="F3" s="20" t="s">
        <v>3</v>
      </c>
    </row>
    <row r="4" spans="1:6" ht="20.100000000000001" customHeight="1" x14ac:dyDescent="0.25">
      <c r="A4" s="34">
        <v>0.375</v>
      </c>
      <c r="B4" s="39" t="s">
        <v>19</v>
      </c>
      <c r="C4" s="40" t="s">
        <v>28</v>
      </c>
      <c r="D4" s="3">
        <v>0.375</v>
      </c>
      <c r="E4" s="25" t="s">
        <v>55</v>
      </c>
      <c r="F4" s="26"/>
    </row>
    <row r="5" spans="1:6" ht="20.100000000000001" customHeight="1" x14ac:dyDescent="0.25">
      <c r="A5" s="35">
        <v>0.44791666666666669</v>
      </c>
      <c r="B5" s="41" t="s">
        <v>20</v>
      </c>
      <c r="C5" s="7" t="s">
        <v>25</v>
      </c>
      <c r="D5" s="4">
        <v>0.44791666666666669</v>
      </c>
      <c r="E5" s="27" t="s">
        <v>51</v>
      </c>
      <c r="F5" s="7" t="s">
        <v>56</v>
      </c>
    </row>
    <row r="6" spans="1:6" ht="20.100000000000001" customHeight="1" x14ac:dyDescent="0.25">
      <c r="A6" s="35">
        <v>0.52083333333333337</v>
      </c>
      <c r="B6" s="41" t="s">
        <v>21</v>
      </c>
      <c r="C6" s="7" t="s">
        <v>26</v>
      </c>
      <c r="D6" s="4">
        <v>0.52083333333333337</v>
      </c>
      <c r="E6" s="27" t="s">
        <v>52</v>
      </c>
      <c r="F6" s="7" t="s">
        <v>33</v>
      </c>
    </row>
    <row r="7" spans="1:6" ht="20.100000000000001" customHeight="1" x14ac:dyDescent="0.25">
      <c r="A7" s="35">
        <v>0.59375</v>
      </c>
      <c r="B7" s="41" t="s">
        <v>22</v>
      </c>
      <c r="C7" s="7" t="s">
        <v>27</v>
      </c>
      <c r="D7" s="4">
        <v>0.59375</v>
      </c>
      <c r="E7" s="27" t="s">
        <v>53</v>
      </c>
      <c r="F7" s="7" t="s">
        <v>57</v>
      </c>
    </row>
    <row r="8" spans="1:6" ht="20.100000000000001" customHeight="1" x14ac:dyDescent="0.25">
      <c r="A8" s="35">
        <v>0.66666666666666663</v>
      </c>
      <c r="B8" s="30" t="s">
        <v>23</v>
      </c>
      <c r="C8" s="7" t="s">
        <v>29</v>
      </c>
      <c r="D8" s="4">
        <v>0.66666666666666663</v>
      </c>
      <c r="E8" s="33" t="s">
        <v>54</v>
      </c>
      <c r="F8" s="7"/>
    </row>
    <row r="9" spans="1:6" ht="20.100000000000001" customHeight="1" thickBot="1" x14ac:dyDescent="0.3">
      <c r="A9" s="36">
        <v>0.73958333333333337</v>
      </c>
      <c r="B9" s="31" t="s">
        <v>24</v>
      </c>
      <c r="C9" s="12" t="s">
        <v>30</v>
      </c>
      <c r="D9" s="5">
        <v>0.73958333333333337</v>
      </c>
      <c r="E9" s="28" t="s">
        <v>12</v>
      </c>
      <c r="F9" s="12"/>
    </row>
    <row r="10" spans="1:6" ht="45" customHeight="1" thickBot="1" x14ac:dyDescent="0.3">
      <c r="A10" s="15" t="s">
        <v>0</v>
      </c>
      <c r="B10" s="9" t="s">
        <v>7</v>
      </c>
      <c r="C10" s="42" t="s">
        <v>4</v>
      </c>
      <c r="D10" s="19" t="s">
        <v>0</v>
      </c>
      <c r="E10" s="21" t="s">
        <v>7</v>
      </c>
      <c r="F10" s="22" t="s">
        <v>4</v>
      </c>
    </row>
    <row r="11" spans="1:6" ht="20.100000000000001" customHeight="1" x14ac:dyDescent="0.25">
      <c r="A11" s="34">
        <v>0.375</v>
      </c>
      <c r="B11" s="43" t="s">
        <v>85</v>
      </c>
      <c r="C11" s="40" t="s">
        <v>15</v>
      </c>
      <c r="D11" s="3">
        <v>0.375</v>
      </c>
      <c r="E11" s="29" t="s">
        <v>64</v>
      </c>
      <c r="F11" s="26" t="s">
        <v>91</v>
      </c>
    </row>
    <row r="12" spans="1:6" ht="20.100000000000001" customHeight="1" x14ac:dyDescent="0.25">
      <c r="A12" s="35">
        <v>0.44791666666666669</v>
      </c>
      <c r="B12" s="30" t="s">
        <v>86</v>
      </c>
      <c r="C12" s="7" t="s">
        <v>13</v>
      </c>
      <c r="D12" s="4">
        <v>0.44791666666666669</v>
      </c>
      <c r="E12" s="30" t="s">
        <v>62</v>
      </c>
      <c r="F12" s="7" t="s">
        <v>49</v>
      </c>
    </row>
    <row r="13" spans="1:6" ht="20.100000000000001" customHeight="1" x14ac:dyDescent="0.25">
      <c r="A13" s="35">
        <v>0.52083333333333337</v>
      </c>
      <c r="B13" s="30" t="s">
        <v>87</v>
      </c>
      <c r="C13" s="7" t="s">
        <v>16</v>
      </c>
      <c r="D13" s="4">
        <v>0.52083333333333337</v>
      </c>
      <c r="E13" s="30" t="s">
        <v>65</v>
      </c>
      <c r="F13" s="7" t="s">
        <v>92</v>
      </c>
    </row>
    <row r="14" spans="1:6" ht="20.100000000000001" customHeight="1" x14ac:dyDescent="0.25">
      <c r="A14" s="35">
        <v>0.59375</v>
      </c>
      <c r="B14" s="30" t="s">
        <v>12</v>
      </c>
      <c r="C14" s="7" t="s">
        <v>18</v>
      </c>
      <c r="D14" s="4">
        <v>0.59375</v>
      </c>
      <c r="E14" s="30" t="s">
        <v>61</v>
      </c>
      <c r="F14" s="7" t="s">
        <v>93</v>
      </c>
    </row>
    <row r="15" spans="1:6" ht="20.100000000000001" customHeight="1" x14ac:dyDescent="0.25">
      <c r="A15" s="35">
        <v>0.66666666666666663</v>
      </c>
      <c r="B15" s="30" t="s">
        <v>12</v>
      </c>
      <c r="C15" s="7" t="s">
        <v>14</v>
      </c>
      <c r="D15" s="4">
        <v>0.66666666666666663</v>
      </c>
      <c r="E15" s="30" t="s">
        <v>63</v>
      </c>
      <c r="F15" s="7" t="s">
        <v>50</v>
      </c>
    </row>
    <row r="16" spans="1:6" ht="20.100000000000001" customHeight="1" thickBot="1" x14ac:dyDescent="0.3">
      <c r="A16" s="37">
        <v>0.73958333333333337</v>
      </c>
      <c r="B16" s="31" t="s">
        <v>12</v>
      </c>
      <c r="C16" s="12" t="s">
        <v>17</v>
      </c>
      <c r="D16" s="5">
        <v>0.73958333333333337</v>
      </c>
      <c r="E16" s="31" t="s">
        <v>66</v>
      </c>
      <c r="F16" s="32"/>
    </row>
    <row r="17" spans="1:6" ht="45" customHeight="1" thickBot="1" x14ac:dyDescent="0.3">
      <c r="A17" s="11" t="s">
        <v>0</v>
      </c>
      <c r="B17" s="8" t="s">
        <v>6</v>
      </c>
      <c r="C17" s="44" t="s">
        <v>5</v>
      </c>
      <c r="D17" s="19" t="s">
        <v>0</v>
      </c>
      <c r="E17" s="23" t="s">
        <v>6</v>
      </c>
      <c r="F17" s="24" t="s">
        <v>5</v>
      </c>
    </row>
    <row r="18" spans="1:6" ht="20.100000000000001" customHeight="1" x14ac:dyDescent="0.25">
      <c r="A18" s="34">
        <v>0.375</v>
      </c>
      <c r="B18" s="43" t="s">
        <v>32</v>
      </c>
      <c r="C18" s="40" t="s">
        <v>90</v>
      </c>
      <c r="D18" s="3">
        <v>0.375</v>
      </c>
      <c r="E18" s="29" t="s">
        <v>58</v>
      </c>
      <c r="F18" s="26" t="s">
        <v>71</v>
      </c>
    </row>
    <row r="19" spans="1:6" ht="20.100000000000001" customHeight="1" x14ac:dyDescent="0.25">
      <c r="A19" s="35">
        <v>0.44791666666666669</v>
      </c>
      <c r="B19" s="30" t="s">
        <v>33</v>
      </c>
      <c r="C19" s="7" t="s">
        <v>89</v>
      </c>
      <c r="D19" s="4">
        <v>0.44791666666666669</v>
      </c>
      <c r="E19" s="30" t="s">
        <v>59</v>
      </c>
      <c r="F19" s="7" t="s">
        <v>72</v>
      </c>
    </row>
    <row r="20" spans="1:6" ht="20.100000000000001" customHeight="1" x14ac:dyDescent="0.25">
      <c r="A20" s="35">
        <v>0.52083333333333337</v>
      </c>
      <c r="B20" s="30" t="s">
        <v>34</v>
      </c>
      <c r="C20" s="7" t="s">
        <v>88</v>
      </c>
      <c r="D20" s="4">
        <v>0.52083333333333337</v>
      </c>
      <c r="E20" s="30" t="s">
        <v>79</v>
      </c>
      <c r="F20" s="7" t="s">
        <v>73</v>
      </c>
    </row>
    <row r="21" spans="1:6" ht="20.100000000000001" customHeight="1" x14ac:dyDescent="0.25">
      <c r="A21" s="35">
        <v>0.59375</v>
      </c>
      <c r="B21" s="30" t="s">
        <v>35</v>
      </c>
      <c r="C21" s="7" t="s">
        <v>12</v>
      </c>
      <c r="D21" s="4">
        <v>0.59375</v>
      </c>
      <c r="E21" s="30" t="s">
        <v>80</v>
      </c>
      <c r="F21" s="7" t="s">
        <v>74</v>
      </c>
    </row>
    <row r="22" spans="1:6" ht="20.100000000000001" customHeight="1" x14ac:dyDescent="0.25">
      <c r="A22" s="35">
        <v>0.66666666666666663</v>
      </c>
      <c r="B22" s="30" t="s">
        <v>36</v>
      </c>
      <c r="C22" s="7" t="s">
        <v>12</v>
      </c>
      <c r="D22" s="4">
        <v>0.66666666666666663</v>
      </c>
      <c r="E22" s="30" t="s">
        <v>60</v>
      </c>
      <c r="F22" s="7" t="s">
        <v>68</v>
      </c>
    </row>
    <row r="23" spans="1:6" ht="20.100000000000001" customHeight="1" thickBot="1" x14ac:dyDescent="0.3">
      <c r="A23" s="37">
        <v>0.73958333333333337</v>
      </c>
      <c r="B23" s="31" t="s">
        <v>31</v>
      </c>
      <c r="C23" s="12" t="s">
        <v>12</v>
      </c>
      <c r="D23" s="5">
        <v>0.73958333333333337</v>
      </c>
      <c r="E23" s="31" t="s">
        <v>81</v>
      </c>
      <c r="F23" s="12" t="s">
        <v>67</v>
      </c>
    </row>
    <row r="24" spans="1:6" ht="45" customHeight="1" thickBot="1" x14ac:dyDescent="0.3">
      <c r="A24" s="11" t="s">
        <v>0</v>
      </c>
      <c r="B24" s="6" t="s">
        <v>2</v>
      </c>
      <c r="C24" s="45" t="s">
        <v>8</v>
      </c>
      <c r="D24" s="19" t="s">
        <v>0</v>
      </c>
      <c r="E24" s="16" t="s">
        <v>2</v>
      </c>
      <c r="F24" s="18" t="s">
        <v>8</v>
      </c>
    </row>
    <row r="25" spans="1:6" ht="20.100000000000001" customHeight="1" x14ac:dyDescent="0.25">
      <c r="A25" s="34">
        <v>0.375</v>
      </c>
      <c r="B25" s="43" t="s">
        <v>37</v>
      </c>
      <c r="C25" s="40" t="s">
        <v>43</v>
      </c>
      <c r="D25" s="3">
        <v>0.375</v>
      </c>
      <c r="E25" s="29" t="s">
        <v>82</v>
      </c>
      <c r="F25" s="26" t="s">
        <v>69</v>
      </c>
    </row>
    <row r="26" spans="1:6" ht="20.100000000000001" customHeight="1" x14ac:dyDescent="0.25">
      <c r="A26" s="35">
        <v>0.44791666666666669</v>
      </c>
      <c r="B26" s="30" t="s">
        <v>38</v>
      </c>
      <c r="C26" s="40" t="s">
        <v>44</v>
      </c>
      <c r="D26" s="4">
        <v>0.44791666666666669</v>
      </c>
      <c r="E26" s="30" t="s">
        <v>94</v>
      </c>
      <c r="F26" s="7" t="s">
        <v>70</v>
      </c>
    </row>
    <row r="27" spans="1:6" ht="20.100000000000001" customHeight="1" x14ac:dyDescent="0.25">
      <c r="A27" s="35">
        <v>0.52083333333333337</v>
      </c>
      <c r="B27" s="30" t="s">
        <v>39</v>
      </c>
      <c r="C27" s="7" t="s">
        <v>45</v>
      </c>
      <c r="D27" s="4">
        <v>0.52083333333333337</v>
      </c>
      <c r="E27" s="30" t="s">
        <v>95</v>
      </c>
      <c r="F27" s="13" t="s">
        <v>75</v>
      </c>
    </row>
    <row r="28" spans="1:6" ht="20.100000000000001" customHeight="1" x14ac:dyDescent="0.25">
      <c r="A28" s="35">
        <v>0.59375</v>
      </c>
      <c r="B28" s="30" t="s">
        <v>40</v>
      </c>
      <c r="C28" s="7" t="s">
        <v>46</v>
      </c>
      <c r="D28" s="4">
        <v>0.59375</v>
      </c>
      <c r="E28" s="30" t="s">
        <v>83</v>
      </c>
      <c r="F28" s="7" t="s">
        <v>76</v>
      </c>
    </row>
    <row r="29" spans="1:6" ht="20.100000000000001" customHeight="1" x14ac:dyDescent="0.25">
      <c r="A29" s="35">
        <v>0.66666666666666663</v>
      </c>
      <c r="B29" s="30" t="s">
        <v>42</v>
      </c>
      <c r="C29" s="7" t="s">
        <v>47</v>
      </c>
      <c r="D29" s="4">
        <v>0.66666666666666663</v>
      </c>
      <c r="E29" s="30" t="s">
        <v>96</v>
      </c>
      <c r="F29" s="7" t="s">
        <v>77</v>
      </c>
    </row>
    <row r="30" spans="1:6" ht="20.100000000000001" customHeight="1" thickBot="1" x14ac:dyDescent="0.3">
      <c r="A30" s="36">
        <v>0.73958333333333337</v>
      </c>
      <c r="B30" s="31" t="s">
        <v>41</v>
      </c>
      <c r="C30" s="12" t="s">
        <v>48</v>
      </c>
      <c r="D30" s="5">
        <v>0.73958333333333337</v>
      </c>
      <c r="E30" s="31" t="s">
        <v>84</v>
      </c>
      <c r="F30" s="12" t="s">
        <v>78</v>
      </c>
    </row>
    <row r="31" spans="1:6" x14ac:dyDescent="0.25">
      <c r="D31" s="17"/>
      <c r="E31" s="17"/>
      <c r="F31" s="17"/>
    </row>
    <row r="33" ht="45" customHeight="1" x14ac:dyDescent="0.25"/>
    <row r="34" ht="19.5" customHeight="1" x14ac:dyDescent="0.25"/>
    <row r="35" ht="19.5" customHeight="1" x14ac:dyDescent="0.25"/>
    <row r="36" ht="19.5" customHeight="1" x14ac:dyDescent="0.25"/>
    <row r="37" ht="19.5" customHeight="1" x14ac:dyDescent="0.25"/>
    <row r="38" ht="19.5" customHeight="1" x14ac:dyDescent="0.25"/>
    <row r="39" ht="19.5" customHeight="1" x14ac:dyDescent="0.25"/>
    <row r="40" ht="45" customHeight="1" x14ac:dyDescent="0.25"/>
    <row r="41" ht="19.5" customHeight="1" x14ac:dyDescent="0.25"/>
    <row r="42" ht="19.5" customHeight="1" x14ac:dyDescent="0.25"/>
    <row r="43" ht="19.5" customHeight="1" x14ac:dyDescent="0.25"/>
    <row r="44" ht="19.5" customHeight="1" x14ac:dyDescent="0.25"/>
    <row r="45" ht="19.5" customHeight="1" x14ac:dyDescent="0.25"/>
    <row r="46" ht="19.5" customHeight="1" x14ac:dyDescent="0.25"/>
    <row r="47" ht="45" customHeight="1" x14ac:dyDescent="0.25"/>
    <row r="48" ht="19.5" customHeight="1" x14ac:dyDescent="0.25"/>
    <row r="49" ht="19.5" customHeight="1" x14ac:dyDescent="0.25"/>
    <row r="50" ht="19.5" customHeight="1" x14ac:dyDescent="0.25"/>
    <row r="51" ht="19.5" customHeight="1" x14ac:dyDescent="0.25"/>
    <row r="52" ht="19.5" customHeight="1" x14ac:dyDescent="0.25"/>
    <row r="53" ht="19.5" customHeight="1" x14ac:dyDescent="0.25"/>
    <row r="54" ht="45" customHeight="1" x14ac:dyDescent="0.25"/>
    <row r="55" ht="19.5" customHeight="1" x14ac:dyDescent="0.25"/>
    <row r="56" ht="19.5" customHeight="1" x14ac:dyDescent="0.25"/>
    <row r="57" ht="19.5" customHeight="1" x14ac:dyDescent="0.25"/>
    <row r="58" ht="19.5" customHeight="1" x14ac:dyDescent="0.25"/>
    <row r="59" ht="19.5" customHeight="1" x14ac:dyDescent="0.25"/>
    <row r="60" ht="19.5" customHeight="1" x14ac:dyDescent="0.25"/>
  </sheetData>
  <mergeCells count="4">
    <mergeCell ref="A1:C1"/>
    <mergeCell ref="A2:C2"/>
    <mergeCell ref="D1:F1"/>
    <mergeCell ref="D2:F2"/>
  </mergeCells>
  <pageMargins left="0.25" right="0.25" top="0.75" bottom="0.75" header="0.3" footer="0.3"/>
  <pageSetup orientation="portrait" r:id="rId1"/>
  <headerFooter>
    <oddFooter>&amp;CRevised January 22, 2020</oddFooter>
  </headerFooter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Reeve, Suzanne M (CRHS)</dc:creator>
  <cp:lastModifiedBy>Reeve, Suzanne M (CRHS)</cp:lastModifiedBy>
  <cp:lastPrinted>2019-12-17T14:54:11Z</cp:lastPrinted>
  <dcterms:created xsi:type="dcterms:W3CDTF">2018-09-14T17:17:00Z</dcterms:created>
  <dcterms:modified xsi:type="dcterms:W3CDTF">2020-01-22T18:37:21Z</dcterms:modified>
</cp:coreProperties>
</file>